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15"/>
  </p:notesMasterIdLst>
  <p:sldIdLst>
    <p:sldId id="266" r:id="rId2"/>
    <p:sldId id="267" r:id="rId3"/>
    <p:sldId id="269" r:id="rId4"/>
    <p:sldId id="268" r:id="rId5"/>
    <p:sldId id="270" r:id="rId6"/>
    <p:sldId id="271" r:id="rId7"/>
    <p:sldId id="272" r:id="rId8"/>
    <p:sldId id="273" r:id="rId9"/>
    <p:sldId id="274" r:id="rId10"/>
    <p:sldId id="275" r:id="rId11"/>
    <p:sldId id="265" r:id="rId12"/>
    <p:sldId id="263" r:id="rId13"/>
    <p:sldId id="276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245" autoAdjust="0"/>
    <p:restoredTop sz="96005"/>
  </p:normalViewPr>
  <p:slideViewPr>
    <p:cSldViewPr snapToGrid="0">
      <p:cViewPr>
        <p:scale>
          <a:sx n="100" d="100"/>
          <a:sy n="100" d="100"/>
        </p:scale>
        <p:origin x="1376" y="7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notesMaster" Target="notesMasters/notesMaster1.xml"/><Relationship Id="rId16" Type="http://schemas.openxmlformats.org/officeDocument/2006/relationships/presProps" Target="presProps.xml"/><Relationship Id="rId17" Type="http://schemas.openxmlformats.org/officeDocument/2006/relationships/viewProps" Target="viewProps.xml"/><Relationship Id="rId18" Type="http://schemas.openxmlformats.org/officeDocument/2006/relationships/theme" Target="theme/theme1.xml"/><Relationship Id="rId1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10" Type="http://schemas.openxmlformats.org/officeDocument/2006/relationships/slide" Target="slides/slide9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192D479-9E9A-ED45-8DEA-6188913BE943}" type="doc">
      <dgm:prSet loTypeId="urn:microsoft.com/office/officeart/2008/layout/BendingPictureCaption" loCatId="" qsTypeId="urn:microsoft.com/office/officeart/2005/8/quickstyle/simple4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9B49C8B5-BFA6-4947-8B2B-DE0A654B7E4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evaluations.uchicago.edu</a:t>
          </a:r>
          <a:endParaRPr lang="en-US" dirty="0"/>
        </a:p>
      </dgm:t>
    </dgm:pt>
    <dgm:pt modelId="{EC8CB5D8-D129-1D45-9A02-EF69D73AB74E}" type="parTrans" cxnId="{D86C1F07-EBA6-8F43-96A3-56BC67C91E0D}">
      <dgm:prSet/>
      <dgm:spPr/>
      <dgm:t>
        <a:bodyPr/>
        <a:lstStyle/>
        <a:p>
          <a:endParaRPr lang="en-US"/>
        </a:p>
      </dgm:t>
    </dgm:pt>
    <dgm:pt modelId="{9CB9468A-9137-FE4D-A9FB-1AEEFCAE4146}" type="sibTrans" cxnId="{D86C1F07-EBA6-8F43-96A3-56BC67C91E0D}">
      <dgm:prSet/>
      <dgm:spPr/>
      <dgm:t>
        <a:bodyPr/>
        <a:lstStyle/>
        <a:p>
          <a:endParaRPr lang="en-US"/>
        </a:p>
      </dgm:t>
    </dgm:pt>
    <dgm:pt modelId="{4E00BB47-875C-0A4D-BDCE-8D1CB352E671}">
      <dgm:prSet phldrT="[Text]"/>
      <dgm:spPr/>
      <dgm:t>
        <a:bodyPr/>
        <a:lstStyle/>
        <a:p>
          <a:r>
            <a:rPr lang="en-US" dirty="0" smtClean="0"/>
            <a:t>College course</a:t>
          </a:r>
          <a:r>
            <a:rPr lang="en-US" baseline="0" dirty="0" smtClean="0"/>
            <a:t> evaluation website </a:t>
          </a:r>
          <a:endParaRPr lang="en-US" dirty="0"/>
        </a:p>
      </dgm:t>
    </dgm:pt>
    <dgm:pt modelId="{B7C72BBD-CABD-FD44-9EC2-1FC84E1A2615}" type="parTrans" cxnId="{FD5732C6-CE5C-BF49-88C7-7D2BC381E0D4}">
      <dgm:prSet/>
      <dgm:spPr/>
      <dgm:t>
        <a:bodyPr/>
        <a:lstStyle/>
        <a:p>
          <a:endParaRPr lang="en-US"/>
        </a:p>
      </dgm:t>
    </dgm:pt>
    <dgm:pt modelId="{89C717A1-D2C3-0F42-8372-460BEBD16E8A}" type="sibTrans" cxnId="{FD5732C6-CE5C-BF49-88C7-7D2BC381E0D4}">
      <dgm:prSet/>
      <dgm:spPr/>
      <dgm:t>
        <a:bodyPr/>
        <a:lstStyle/>
        <a:p>
          <a:endParaRPr lang="en-US"/>
        </a:p>
      </dgm:t>
    </dgm:pt>
    <dgm:pt modelId="{C2332775-0E84-3D45-BECF-1FFE9F8D5DD4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885EE363-B513-0940-AF6E-7D08A93E67A3}" type="parTrans" cxnId="{158F95E6-686B-2B40-87A1-2716C25F1698}">
      <dgm:prSet/>
      <dgm:spPr/>
      <dgm:t>
        <a:bodyPr/>
        <a:lstStyle/>
        <a:p>
          <a:endParaRPr lang="en-US"/>
        </a:p>
      </dgm:t>
    </dgm:pt>
    <dgm:pt modelId="{43D953EA-4307-DF4F-953A-7C86FD962A90}" type="sibTrans" cxnId="{158F95E6-686B-2B40-87A1-2716C25F1698}">
      <dgm:prSet/>
      <dgm:spPr/>
      <dgm:t>
        <a:bodyPr/>
        <a:lstStyle/>
        <a:p>
          <a:endParaRPr lang="en-US"/>
        </a:p>
      </dgm:t>
    </dgm:pt>
    <dgm:pt modelId="{47A1346B-B9C7-D24A-A6D0-BB46A63A1FF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harris.uchicago.edu</a:t>
          </a:r>
          <a:r>
            <a:rPr lang="en-US" dirty="0" smtClean="0"/>
            <a:t>/</a:t>
          </a:r>
          <a:r>
            <a:rPr lang="en-US" dirty="0" err="1" smtClean="0"/>
            <a:t>harris</a:t>
          </a:r>
          <a:r>
            <a:rPr lang="en-US" dirty="0" smtClean="0"/>
            <a:t>-insider</a:t>
          </a:r>
          <a:endParaRPr lang="en-US" dirty="0"/>
        </a:p>
      </dgm:t>
    </dgm:pt>
    <dgm:pt modelId="{533A6E5C-3706-864B-AD7E-EF7875F4F01A}" type="parTrans" cxnId="{BE05CFD5-BFA8-F641-8AB7-30B857FBE53D}">
      <dgm:prSet/>
      <dgm:spPr/>
      <dgm:t>
        <a:bodyPr/>
        <a:lstStyle/>
        <a:p>
          <a:endParaRPr lang="en-US"/>
        </a:p>
      </dgm:t>
    </dgm:pt>
    <dgm:pt modelId="{C565DA60-4109-B04D-85B5-6FBF1A8B00E9}" type="sibTrans" cxnId="{BE05CFD5-BFA8-F641-8AB7-30B857FBE53D}">
      <dgm:prSet/>
      <dgm:spPr/>
      <dgm:t>
        <a:bodyPr/>
        <a:lstStyle/>
        <a:p>
          <a:endParaRPr lang="en-US"/>
        </a:p>
      </dgm:t>
    </dgm:pt>
    <dgm:pt modelId="{83593667-BFA7-9C47-B41C-20CECD9EE4D6}">
      <dgm:prSet phldrT="[Text]"/>
      <dgm:spPr/>
      <dgm:t>
        <a:bodyPr/>
        <a:lstStyle/>
        <a:p>
          <a:r>
            <a:rPr lang="en-US" dirty="0" smtClean="0"/>
            <a:t>Harris School</a:t>
          </a:r>
          <a:r>
            <a:rPr lang="en-US" baseline="0" dirty="0" smtClean="0"/>
            <a:t>’s course evaluation website</a:t>
          </a:r>
          <a:endParaRPr lang="en-US" dirty="0"/>
        </a:p>
      </dgm:t>
    </dgm:pt>
    <dgm:pt modelId="{F72A024A-CE36-6344-A797-6B6B8CEB4137}" type="parTrans" cxnId="{6A164261-58D8-2247-90DC-58F6477379B9}">
      <dgm:prSet/>
      <dgm:spPr/>
      <dgm:t>
        <a:bodyPr/>
        <a:lstStyle/>
        <a:p>
          <a:endParaRPr lang="en-US"/>
        </a:p>
      </dgm:t>
    </dgm:pt>
    <dgm:pt modelId="{03525689-7103-364A-B274-17427BD3D7AD}" type="sibTrans" cxnId="{6A164261-58D8-2247-90DC-58F6477379B9}">
      <dgm:prSet/>
      <dgm:spPr/>
      <dgm:t>
        <a:bodyPr/>
        <a:lstStyle/>
        <a:p>
          <a:endParaRPr lang="en-US"/>
        </a:p>
      </dgm:t>
    </dgm:pt>
    <dgm:pt modelId="{C4D6C02C-105F-B247-8D96-F6CFE9EBA1F2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283AFF5E-0719-E240-BD0B-1E6ABA5363BD}" type="sibTrans" cxnId="{69D1C2D1-84F0-A546-BF92-F1CE7268A862}">
      <dgm:prSet/>
      <dgm:spPr/>
      <dgm:t>
        <a:bodyPr/>
        <a:lstStyle/>
        <a:p>
          <a:endParaRPr lang="en-US"/>
        </a:p>
      </dgm:t>
    </dgm:pt>
    <dgm:pt modelId="{16EF89FC-7D20-4546-A572-0843FAECDAC2}" type="parTrans" cxnId="{69D1C2D1-84F0-A546-BF92-F1CE7268A862}">
      <dgm:prSet/>
      <dgm:spPr/>
      <dgm:t>
        <a:bodyPr/>
        <a:lstStyle/>
        <a:p>
          <a:endParaRPr lang="en-US"/>
        </a:p>
      </dgm:t>
    </dgm:pt>
    <dgm:pt modelId="{6B4DDFC3-760C-F043-8E13-FE2D35D44011}">
      <dgm:prSet phldrT="[Text]"/>
      <dgm:spPr/>
      <dgm:t>
        <a:bodyPr/>
        <a:lstStyle/>
        <a:p>
          <a:r>
            <a:rPr lang="en-US" dirty="0" smtClean="0"/>
            <a:t>Course Scheduling</a:t>
          </a:r>
          <a:endParaRPr lang="en-US" dirty="0"/>
        </a:p>
      </dgm:t>
    </dgm:pt>
    <dgm:pt modelId="{1C8AA43D-4BA7-D545-AAA0-3DE7E0F4BF36}" type="parTrans" cxnId="{ED77FE87-B002-E741-B8A5-DE55DC1DFEE4}">
      <dgm:prSet/>
      <dgm:spPr/>
      <dgm:t>
        <a:bodyPr/>
        <a:lstStyle/>
        <a:p>
          <a:endParaRPr lang="en-US"/>
        </a:p>
      </dgm:t>
    </dgm:pt>
    <dgm:pt modelId="{0252D0DA-F8BB-5C47-A426-5894C4501509}" type="sibTrans" cxnId="{ED77FE87-B002-E741-B8A5-DE55DC1DFEE4}">
      <dgm:prSet/>
      <dgm:spPr/>
      <dgm:t>
        <a:bodyPr/>
        <a:lstStyle/>
        <a:p>
          <a:endParaRPr lang="en-US"/>
        </a:p>
      </dgm:t>
    </dgm:pt>
    <dgm:pt modelId="{06271501-845D-4D40-A951-1751E262C46F}">
      <dgm:prSet phldrT="[Text]"/>
      <dgm:spPr/>
      <dgm:t>
        <a:bodyPr/>
        <a:lstStyle/>
        <a:p>
          <a:r>
            <a:rPr lang="en-US" dirty="0" err="1" smtClean="0"/>
            <a:t>my.Uchicago.edu</a:t>
          </a:r>
          <a:endParaRPr lang="en-US" dirty="0"/>
        </a:p>
      </dgm:t>
    </dgm:pt>
    <dgm:pt modelId="{ECAB0DE5-48B0-B34B-97FB-1A646C952EEC}" type="parTrans" cxnId="{26FB1F68-72AF-744A-9E10-2D9A25561660}">
      <dgm:prSet/>
      <dgm:spPr/>
      <dgm:t>
        <a:bodyPr/>
        <a:lstStyle/>
        <a:p>
          <a:endParaRPr lang="en-US"/>
        </a:p>
      </dgm:t>
    </dgm:pt>
    <dgm:pt modelId="{66BFA9BF-E57A-9D4E-A467-C98240E8B467}" type="sibTrans" cxnId="{26FB1F68-72AF-744A-9E10-2D9A25561660}">
      <dgm:prSet/>
      <dgm:spPr/>
      <dgm:t>
        <a:bodyPr/>
        <a:lstStyle/>
        <a:p>
          <a:endParaRPr lang="en-US"/>
        </a:p>
      </dgm:t>
    </dgm:pt>
    <dgm:pt modelId="{ECB3D4A8-D81A-F841-BA22-6D39EA0D2C86}" type="pres">
      <dgm:prSet presAssocID="{E192D479-9E9A-ED45-8DEA-6188913BE943}" presName="diagram" presStyleCnt="0">
        <dgm:presLayoutVars>
          <dgm:dir/>
        </dgm:presLayoutVars>
      </dgm:prSet>
      <dgm:spPr/>
      <dgm:t>
        <a:bodyPr/>
        <a:lstStyle/>
        <a:p>
          <a:endParaRPr lang="en-US"/>
        </a:p>
      </dgm:t>
    </dgm:pt>
    <dgm:pt modelId="{D299734F-7D56-014A-9573-A5EB4C53C8C9}" type="pres">
      <dgm:prSet presAssocID="{C4D6C02C-105F-B247-8D96-F6CFE9EBA1F2}" presName="composite" presStyleCnt="0"/>
      <dgm:spPr/>
    </dgm:pt>
    <dgm:pt modelId="{56715F03-DAA1-0C44-9D2E-486FA3339149}" type="pres">
      <dgm:prSet presAssocID="{C4D6C02C-105F-B247-8D96-F6CFE9EBA1F2}" presName="Image" presStyleLbl="bgShp" presStyleIdx="0" presStyleCnt="3" custScaleX="104782" custScaleY="123494" custLinFactNeighborX="494" custLinFactNeighborY="-267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3205682F-081E-9347-9CD5-F8D6BA69DD1C}" type="pres">
      <dgm:prSet presAssocID="{C4D6C02C-105F-B247-8D96-F6CFE9EBA1F2}" presName="Parent" presStyleLbl="node0" presStyleIdx="0" presStyleCnt="3" custScaleX="105704" custScaleY="98506" custLinFactNeighborX="-589" custLinFactNeighborY="7841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7F284F-1625-0C41-81C2-145E5919B9A9}" type="pres">
      <dgm:prSet presAssocID="{283AFF5E-0719-E240-BD0B-1E6ABA5363BD}" presName="sibTrans" presStyleCnt="0"/>
      <dgm:spPr/>
    </dgm:pt>
    <dgm:pt modelId="{281FD6A7-E580-3949-BF46-C553DE6E838D}" type="pres">
      <dgm:prSet presAssocID="{C2332775-0E84-3D45-BECF-1FFE9F8D5DD4}" presName="composite" presStyleCnt="0"/>
      <dgm:spPr/>
    </dgm:pt>
    <dgm:pt modelId="{FAFC8A0F-A971-0D48-B7B2-1038C0C79F7A}" type="pres">
      <dgm:prSet presAssocID="{C2332775-0E84-3D45-BECF-1FFE9F8D5DD4}" presName="Image" presStyleLbl="bgShp" presStyleIdx="1" presStyleCnt="3" custScaleX="104782" custScaleY="123494" custLinFactNeighborX="-14921" custLinFactNeighborY="-2551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4F8085F0-0128-314E-A6EA-3B6EC128A60B}" type="pres">
      <dgm:prSet presAssocID="{C2332775-0E84-3D45-BECF-1FFE9F8D5DD4}" presName="Parent" presStyleLbl="node0" presStyleIdx="1" presStyleCnt="3" custScaleX="102386" custLinFactNeighborX="-1770" custLinFactNeighborY="8102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12C002E-3BB6-CB46-AF20-67E0A1FBC9E3}" type="pres">
      <dgm:prSet presAssocID="{43D953EA-4307-DF4F-953A-7C86FD962A90}" presName="sibTrans" presStyleCnt="0"/>
      <dgm:spPr/>
    </dgm:pt>
    <dgm:pt modelId="{B1AE715C-B3E0-7E48-A4B4-E06ABC567EE7}" type="pres">
      <dgm:prSet presAssocID="{6B4DDFC3-760C-F043-8E13-FE2D35D44011}" presName="composite" presStyleCnt="0"/>
      <dgm:spPr/>
    </dgm:pt>
    <dgm:pt modelId="{6427BF08-51D7-1D4F-B7B5-DE0570EBA3AC}" type="pres">
      <dgm:prSet presAssocID="{6B4DDFC3-760C-F043-8E13-FE2D35D44011}" presName="Image" presStyleLbl="bgShp" presStyleIdx="2" presStyleCnt="3" custScaleX="103905" custScaleY="12254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</dgm:spPr>
      <dgm:t>
        <a:bodyPr/>
        <a:lstStyle/>
        <a:p>
          <a:endParaRPr lang="en-US"/>
        </a:p>
      </dgm:t>
    </dgm:pt>
    <dgm:pt modelId="{58D38551-DF9C-5944-A248-8820709C248B}" type="pres">
      <dgm:prSet presAssocID="{6B4DDFC3-760C-F043-8E13-FE2D35D44011}" presName="Parent" presStyleLbl="node0" presStyleIdx="2" presStyleCnt="3" custScaleX="102686" custLinFactNeighborY="7879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67C1B5F7-3F6F-8F4A-A2A4-77130D376799}" type="presOf" srcId="{6B4DDFC3-760C-F043-8E13-FE2D35D44011}" destId="{58D38551-DF9C-5944-A248-8820709C248B}" srcOrd="0" destOrd="0" presId="urn:microsoft.com/office/officeart/2008/layout/BendingPictureCaption"/>
    <dgm:cxn modelId="{4A3A7600-8CEE-5943-AD96-DEDFE15C8C5E}" type="presOf" srcId="{47A1346B-B9C7-D24A-A6D0-BB46A63A1FFE}" destId="{4F8085F0-0128-314E-A6EA-3B6EC128A60B}" srcOrd="0" destOrd="1" presId="urn:microsoft.com/office/officeart/2008/layout/BendingPictureCaption"/>
    <dgm:cxn modelId="{12F52C23-7414-F249-8FEC-AE3A10805D4B}" type="presOf" srcId="{4E00BB47-875C-0A4D-BDCE-8D1CB352E671}" destId="{3205682F-081E-9347-9CD5-F8D6BA69DD1C}" srcOrd="0" destOrd="2" presId="urn:microsoft.com/office/officeart/2008/layout/BendingPictureCaption"/>
    <dgm:cxn modelId="{F2937556-C7BA-7B4D-92E9-79D1165D55DE}" type="presOf" srcId="{C2332775-0E84-3D45-BECF-1FFE9F8D5DD4}" destId="{4F8085F0-0128-314E-A6EA-3B6EC128A60B}" srcOrd="0" destOrd="0" presId="urn:microsoft.com/office/officeart/2008/layout/BendingPictureCaption"/>
    <dgm:cxn modelId="{D5098D1A-F579-EB4E-86C8-965F31BA89E5}" type="presOf" srcId="{9B49C8B5-BFA6-4947-8B2B-DE0A654B7E4E}" destId="{3205682F-081E-9347-9CD5-F8D6BA69DD1C}" srcOrd="0" destOrd="1" presId="urn:microsoft.com/office/officeart/2008/layout/BendingPictureCaption"/>
    <dgm:cxn modelId="{26FB1F68-72AF-744A-9E10-2D9A25561660}" srcId="{6B4DDFC3-760C-F043-8E13-FE2D35D44011}" destId="{06271501-845D-4D40-A951-1751E262C46F}" srcOrd="0" destOrd="0" parTransId="{ECAB0DE5-48B0-B34B-97FB-1A646C952EEC}" sibTransId="{66BFA9BF-E57A-9D4E-A467-C98240E8B467}"/>
    <dgm:cxn modelId="{CCD7F9A4-F31E-6541-BD59-E9BAFCD42A3B}" type="presOf" srcId="{06271501-845D-4D40-A951-1751E262C46F}" destId="{58D38551-DF9C-5944-A248-8820709C248B}" srcOrd="0" destOrd="1" presId="urn:microsoft.com/office/officeart/2008/layout/BendingPictureCaption"/>
    <dgm:cxn modelId="{FD5732C6-CE5C-BF49-88C7-7D2BC381E0D4}" srcId="{C4D6C02C-105F-B247-8D96-F6CFE9EBA1F2}" destId="{4E00BB47-875C-0A4D-BDCE-8D1CB352E671}" srcOrd="1" destOrd="0" parTransId="{B7C72BBD-CABD-FD44-9EC2-1FC84E1A2615}" sibTransId="{89C717A1-D2C3-0F42-8372-460BEBD16E8A}"/>
    <dgm:cxn modelId="{ED77FE87-B002-E741-B8A5-DE55DC1DFEE4}" srcId="{E192D479-9E9A-ED45-8DEA-6188913BE943}" destId="{6B4DDFC3-760C-F043-8E13-FE2D35D44011}" srcOrd="2" destOrd="0" parTransId="{1C8AA43D-4BA7-D545-AAA0-3DE7E0F4BF36}" sibTransId="{0252D0DA-F8BB-5C47-A426-5894C4501509}"/>
    <dgm:cxn modelId="{A0285BF2-A8A1-3B47-9E24-F4438DDBE249}" type="presOf" srcId="{E192D479-9E9A-ED45-8DEA-6188913BE943}" destId="{ECB3D4A8-D81A-F841-BA22-6D39EA0D2C86}" srcOrd="0" destOrd="0" presId="urn:microsoft.com/office/officeart/2008/layout/BendingPictureCaption"/>
    <dgm:cxn modelId="{BE05CFD5-BFA8-F641-8AB7-30B857FBE53D}" srcId="{C2332775-0E84-3D45-BECF-1FFE9F8D5DD4}" destId="{47A1346B-B9C7-D24A-A6D0-BB46A63A1FFE}" srcOrd="0" destOrd="0" parTransId="{533A6E5C-3706-864B-AD7E-EF7875F4F01A}" sibTransId="{C565DA60-4109-B04D-85B5-6FBF1A8B00E9}"/>
    <dgm:cxn modelId="{6A164261-58D8-2247-90DC-58F6477379B9}" srcId="{C2332775-0E84-3D45-BECF-1FFE9F8D5DD4}" destId="{83593667-BFA7-9C47-B41C-20CECD9EE4D6}" srcOrd="1" destOrd="0" parTransId="{F72A024A-CE36-6344-A797-6B6B8CEB4137}" sibTransId="{03525689-7103-364A-B274-17427BD3D7AD}"/>
    <dgm:cxn modelId="{D86C1F07-EBA6-8F43-96A3-56BC67C91E0D}" srcId="{C4D6C02C-105F-B247-8D96-F6CFE9EBA1F2}" destId="{9B49C8B5-BFA6-4947-8B2B-DE0A654B7E4E}" srcOrd="0" destOrd="0" parTransId="{EC8CB5D8-D129-1D45-9A02-EF69D73AB74E}" sibTransId="{9CB9468A-9137-FE4D-A9FB-1AEEFCAE4146}"/>
    <dgm:cxn modelId="{69D1C2D1-84F0-A546-BF92-F1CE7268A862}" srcId="{E192D479-9E9A-ED45-8DEA-6188913BE943}" destId="{C4D6C02C-105F-B247-8D96-F6CFE9EBA1F2}" srcOrd="0" destOrd="0" parTransId="{16EF89FC-7D20-4546-A572-0843FAECDAC2}" sibTransId="{283AFF5E-0719-E240-BD0B-1E6ABA5363BD}"/>
    <dgm:cxn modelId="{158F95E6-686B-2B40-87A1-2716C25F1698}" srcId="{E192D479-9E9A-ED45-8DEA-6188913BE943}" destId="{C2332775-0E84-3D45-BECF-1FFE9F8D5DD4}" srcOrd="1" destOrd="0" parTransId="{885EE363-B513-0940-AF6E-7D08A93E67A3}" sibTransId="{43D953EA-4307-DF4F-953A-7C86FD962A90}"/>
    <dgm:cxn modelId="{40EA2CDD-70B0-FF4E-A730-86F072C5891A}" type="presOf" srcId="{C4D6C02C-105F-B247-8D96-F6CFE9EBA1F2}" destId="{3205682F-081E-9347-9CD5-F8D6BA69DD1C}" srcOrd="0" destOrd="0" presId="urn:microsoft.com/office/officeart/2008/layout/BendingPictureCaption"/>
    <dgm:cxn modelId="{234A566F-0399-0949-AF64-D1AE55D04019}" type="presOf" srcId="{83593667-BFA7-9C47-B41C-20CECD9EE4D6}" destId="{4F8085F0-0128-314E-A6EA-3B6EC128A60B}" srcOrd="0" destOrd="2" presId="urn:microsoft.com/office/officeart/2008/layout/BendingPictureCaption"/>
    <dgm:cxn modelId="{5FE3594C-7671-B241-9A4C-33E37767AA2C}" type="presParOf" srcId="{ECB3D4A8-D81A-F841-BA22-6D39EA0D2C86}" destId="{D299734F-7D56-014A-9573-A5EB4C53C8C9}" srcOrd="0" destOrd="0" presId="urn:microsoft.com/office/officeart/2008/layout/BendingPictureCaption"/>
    <dgm:cxn modelId="{8EC8F494-0DE6-774B-854E-44D9BCE0DAA5}" type="presParOf" srcId="{D299734F-7D56-014A-9573-A5EB4C53C8C9}" destId="{56715F03-DAA1-0C44-9D2E-486FA3339149}" srcOrd="0" destOrd="0" presId="urn:microsoft.com/office/officeart/2008/layout/BendingPictureCaption"/>
    <dgm:cxn modelId="{C07D6352-4245-8A4D-8B89-D76594BF9144}" type="presParOf" srcId="{D299734F-7D56-014A-9573-A5EB4C53C8C9}" destId="{3205682F-081E-9347-9CD5-F8D6BA69DD1C}" srcOrd="1" destOrd="0" presId="urn:microsoft.com/office/officeart/2008/layout/BendingPictureCaption"/>
    <dgm:cxn modelId="{ADE01D98-605B-F440-829B-E40A85C321F8}" type="presParOf" srcId="{ECB3D4A8-D81A-F841-BA22-6D39EA0D2C86}" destId="{C17F284F-1625-0C41-81C2-145E5919B9A9}" srcOrd="1" destOrd="0" presId="urn:microsoft.com/office/officeart/2008/layout/BendingPictureCaption"/>
    <dgm:cxn modelId="{AA5AB26C-5F51-7240-90AF-7F33CBCE9B88}" type="presParOf" srcId="{ECB3D4A8-D81A-F841-BA22-6D39EA0D2C86}" destId="{281FD6A7-E580-3949-BF46-C553DE6E838D}" srcOrd="2" destOrd="0" presId="urn:microsoft.com/office/officeart/2008/layout/BendingPictureCaption"/>
    <dgm:cxn modelId="{735216CE-ACBB-144F-BF0E-387014AF61E5}" type="presParOf" srcId="{281FD6A7-E580-3949-BF46-C553DE6E838D}" destId="{FAFC8A0F-A971-0D48-B7B2-1038C0C79F7A}" srcOrd="0" destOrd="0" presId="urn:microsoft.com/office/officeart/2008/layout/BendingPictureCaption"/>
    <dgm:cxn modelId="{557B615A-97F2-9C41-B68F-E20843C28653}" type="presParOf" srcId="{281FD6A7-E580-3949-BF46-C553DE6E838D}" destId="{4F8085F0-0128-314E-A6EA-3B6EC128A60B}" srcOrd="1" destOrd="0" presId="urn:microsoft.com/office/officeart/2008/layout/BendingPictureCaption"/>
    <dgm:cxn modelId="{5CF14D65-2103-774E-8235-0DF2E55B5F3C}" type="presParOf" srcId="{ECB3D4A8-D81A-F841-BA22-6D39EA0D2C86}" destId="{212C002E-3BB6-CB46-AF20-67E0A1FBC9E3}" srcOrd="3" destOrd="0" presId="urn:microsoft.com/office/officeart/2008/layout/BendingPictureCaption"/>
    <dgm:cxn modelId="{3E7E7A2A-1DB9-204E-97B5-1923C667F0AA}" type="presParOf" srcId="{ECB3D4A8-D81A-F841-BA22-6D39EA0D2C86}" destId="{B1AE715C-B3E0-7E48-A4B4-E06ABC567EE7}" srcOrd="4" destOrd="0" presId="urn:microsoft.com/office/officeart/2008/layout/BendingPictureCaption"/>
    <dgm:cxn modelId="{6F0335BE-6C73-8141-A375-9953A6BF824C}" type="presParOf" srcId="{B1AE715C-B3E0-7E48-A4B4-E06ABC567EE7}" destId="{6427BF08-51D7-1D4F-B7B5-DE0570EBA3AC}" srcOrd="0" destOrd="0" presId="urn:microsoft.com/office/officeart/2008/layout/BendingPictureCaption"/>
    <dgm:cxn modelId="{438C53DA-DF05-5840-908A-A266C8B80C9C}" type="presParOf" srcId="{B1AE715C-B3E0-7E48-A4B4-E06ABC567EE7}" destId="{58D38551-DF9C-5944-A248-8820709C248B}" srcOrd="1" destOrd="0" presId="urn:microsoft.com/office/officeart/2008/layout/BendingPictureCaption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715F03-DAA1-0C44-9D2E-486FA3339149}">
      <dsp:nvSpPr>
        <dsp:cNvPr id="0" name=""/>
        <dsp:cNvSpPr/>
      </dsp:nvSpPr>
      <dsp:spPr>
        <a:xfrm>
          <a:off x="17682" y="1023440"/>
          <a:ext cx="2819525" cy="245571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205682F-081E-9347-9CD5-F8D6BA69DD1C}">
      <dsp:nvSpPr>
        <dsp:cNvPr id="0" name=""/>
        <dsp:cNvSpPr/>
      </dsp:nvSpPr>
      <dsp:spPr>
        <a:xfrm>
          <a:off x="532836" y="3379269"/>
          <a:ext cx="2450969" cy="548899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evaluations.uchicago.edu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College course</a:t>
          </a:r>
          <a:r>
            <a:rPr lang="en-US" sz="1000" kern="1200" baseline="0" dirty="0" smtClean="0"/>
            <a:t> evaluation website </a:t>
          </a:r>
          <a:endParaRPr lang="en-US" sz="1000" kern="1200" dirty="0"/>
        </a:p>
      </dsp:txBody>
      <dsp:txXfrm>
        <a:off x="532836" y="3379269"/>
        <a:ext cx="2450969" cy="548899"/>
      </dsp:txXfrm>
    </dsp:sp>
    <dsp:sp modelId="{FAFC8A0F-A971-0D48-B7B2-1038C0C79F7A}">
      <dsp:nvSpPr>
        <dsp:cNvPr id="0" name=""/>
        <dsp:cNvSpPr/>
      </dsp:nvSpPr>
      <dsp:spPr>
        <a:xfrm>
          <a:off x="3062277" y="1025886"/>
          <a:ext cx="2819525" cy="2455712"/>
        </a:xfrm>
        <a:prstGeom prst="rect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4F8085F0-0128-314E-A6EA-3B6EC128A60B}">
      <dsp:nvSpPr>
        <dsp:cNvPr id="0" name=""/>
        <dsp:cNvSpPr/>
      </dsp:nvSpPr>
      <dsp:spPr>
        <a:xfrm>
          <a:off x="4003309" y="3389639"/>
          <a:ext cx="2374035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harris.uchicago.edu</a:t>
          </a:r>
          <a:r>
            <a:rPr lang="en-US" sz="1000" kern="1200" dirty="0" smtClean="0"/>
            <a:t>/</a:t>
          </a:r>
          <a:r>
            <a:rPr lang="en-US" sz="1000" kern="1200" dirty="0" err="1" smtClean="0"/>
            <a:t>harris</a:t>
          </a:r>
          <a:r>
            <a:rPr lang="en-US" sz="1000" kern="1200" dirty="0" smtClean="0"/>
            <a:t>-insider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arris School</a:t>
          </a:r>
          <a:r>
            <a:rPr lang="en-US" sz="1000" kern="1200" baseline="0" dirty="0" smtClean="0"/>
            <a:t>’s course evaluation website</a:t>
          </a:r>
          <a:endParaRPr lang="en-US" sz="1000" kern="1200" dirty="0"/>
        </a:p>
      </dsp:txBody>
      <dsp:txXfrm>
        <a:off x="4003309" y="3389639"/>
        <a:ext cx="2374035" cy="557224"/>
      </dsp:txXfrm>
    </dsp:sp>
    <dsp:sp modelId="{6427BF08-51D7-1D4F-B7B5-DE0570EBA3AC}">
      <dsp:nvSpPr>
        <dsp:cNvPr id="0" name=""/>
        <dsp:cNvSpPr/>
      </dsp:nvSpPr>
      <dsp:spPr>
        <a:xfrm>
          <a:off x="6884701" y="1086038"/>
          <a:ext cx="2795927" cy="243686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58D38551-DF9C-5944-A248-8820709C248B}">
      <dsp:nvSpPr>
        <dsp:cNvPr id="0" name=""/>
        <dsp:cNvSpPr/>
      </dsp:nvSpPr>
      <dsp:spPr>
        <a:xfrm>
          <a:off x="7449994" y="3377246"/>
          <a:ext cx="2380991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Scheduling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err="1" smtClean="0"/>
            <a:t>my.Uchicago.edu</a:t>
          </a:r>
          <a:endParaRPr lang="en-US" sz="1000" kern="1200" dirty="0"/>
        </a:p>
      </dsp:txBody>
      <dsp:txXfrm>
        <a:off x="7449994" y="3377246"/>
        <a:ext cx="2380991" cy="55722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">
  <dgm:title val=""/>
  <dgm:desc val=""/>
  <dgm:catLst>
    <dgm:cat type="picture" pri="6000"/>
    <dgm:cat type="pictureconvert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7" srcId="0" destId="1" srcOrd="0" destOrd="0"/>
        <dgm:cxn modelId="8" srcId="0" destId="2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diagram">
    <dgm:varLst>
      <dgm:dir/>
    </dgm:varLst>
    <dgm:choose name="Name0">
      <dgm:if name="Name1" func="var" arg="dir" op="equ" val="norm">
        <dgm:alg type="snake">
          <dgm:param type="off" val="ctr"/>
        </dgm:alg>
      </dgm:if>
      <dgm:else name="Name2">
        <dgm:alg type="snake">
          <dgm:param type="grDir" val="tR"/>
          <dgm:param type="off" val="c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.31"/>
        </dgm:alg>
        <dgm:shape xmlns:r="http://schemas.openxmlformats.org/officeDocument/2006/relationships" r:blip="">
          <dgm:adjLst/>
        </dgm:shape>
        <dgm:choose name="Name3">
          <dgm:if name="Name4" func="var" arg="dir" op="equ" val="norm">
            <dgm:constrLst>
              <dgm:constr type="l" for="ch" forName="Image" refType="w" fact="0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.19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if>
          <dgm:else name="Name5">
            <dgm:constrLst>
              <dgm:constr type="l" for="ch" forName="Image" refType="w" fact="0.06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else>
        </dgm:choose>
        <dgm:layoutNode name="Image" styleLbl="bgShp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Parent" styleLbl="node0">
          <dgm:varLst>
            <dgm:bulletEnabled val="1"/>
          </dgm:varLst>
          <dgm:alg type="tx">
            <dgm:param type="txAnchorVertCh" val="mid"/>
            <dgm:param type="shpTxRTLAlignCh" val="r"/>
            <dgm:param type="lnSpAfParP" val="5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lMarg" refType="primFontSz" fact="0.15"/>
            <dgm:constr type="rMarg" refType="primFontSz" fact="0.15"/>
            <dgm:constr type="tMarg" refType="primFontSz" fact="0.15"/>
            <dgm:constr type="bMarg" refType="primFontSz" fact="0.15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B0E3C2-48DE-B945-9E53-9D2D4342E1BA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964FF24-9159-0E4E-A1E9-4EAFBE033E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441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964FF24-9159-0E4E-A1E9-4EAFBE033EC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0570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7.png"/><Relationship Id="rId3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Relationship Id="rId3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.png"/><Relationship Id="rId3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7200" b="1" dirty="0" smtClean="0"/>
              <a:t>Project ALDA</a:t>
            </a:r>
            <a:endParaRPr lang="en-US" sz="7200" b="1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 numCol="2">
            <a:normAutofit/>
          </a:bodyPr>
          <a:lstStyle/>
          <a:p>
            <a:r>
              <a:rPr lang="en-US" dirty="0" smtClean="0"/>
              <a:t>Alice </a:t>
            </a:r>
            <a:r>
              <a:rPr lang="en-US" dirty="0" err="1" smtClean="0"/>
              <a:t>Mee</a:t>
            </a:r>
            <a:r>
              <a:rPr lang="en-US" dirty="0" smtClean="0"/>
              <a:t> </a:t>
            </a:r>
            <a:r>
              <a:rPr lang="en-US" dirty="0" err="1" smtClean="0"/>
              <a:t>Seon</a:t>
            </a:r>
            <a:r>
              <a:rPr lang="en-US" dirty="0" smtClean="0"/>
              <a:t> Chung</a:t>
            </a:r>
          </a:p>
          <a:p>
            <a:r>
              <a:rPr lang="en-US" dirty="0" err="1" smtClean="0"/>
              <a:t>Luxi</a:t>
            </a:r>
            <a:r>
              <a:rPr lang="en-US" dirty="0" smtClean="0"/>
              <a:t> (Luke) Han</a:t>
            </a:r>
          </a:p>
          <a:p>
            <a:endParaRPr lang="en-US" dirty="0" smtClean="0"/>
          </a:p>
          <a:p>
            <a:r>
              <a:rPr lang="en-US" dirty="0" err="1" smtClean="0"/>
              <a:t>Ningyin</a:t>
            </a:r>
            <a:r>
              <a:rPr lang="en-US" dirty="0" smtClean="0"/>
              <a:t> (Ariel) Xu</a:t>
            </a:r>
          </a:p>
          <a:p>
            <a:r>
              <a:rPr lang="en-US" dirty="0" smtClean="0"/>
              <a:t>Dongping (Gabriel) Zhang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844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603" y="50617"/>
            <a:ext cx="8143497" cy="4901659"/>
          </a:xfrm>
        </p:spPr>
      </p:pic>
      <p:pic>
        <p:nvPicPr>
          <p:cNvPr id="9" name="Content Placeholder 8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1196" y="3647896"/>
            <a:ext cx="8820804" cy="3237776"/>
          </a:xfrm>
        </p:spPr>
      </p:pic>
      <p:sp>
        <p:nvSpPr>
          <p:cNvPr id="2" name="TextBox 1"/>
          <p:cNvSpPr txBox="1"/>
          <p:nvPr/>
        </p:nvSpPr>
        <p:spPr>
          <a:xfrm>
            <a:off x="8839200" y="3886200"/>
            <a:ext cx="18304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Econ Department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3631381" y="50617"/>
            <a:ext cx="16637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mtClean="0">
                <a:solidFill>
                  <a:srgbClr val="FF0000"/>
                </a:solidFill>
              </a:rPr>
              <a:t>CS </a:t>
            </a:r>
            <a:r>
              <a:rPr lang="en-US" dirty="0">
                <a:solidFill>
                  <a:srgbClr val="FF0000"/>
                </a:solidFill>
              </a:rPr>
              <a:t>Department</a:t>
            </a:r>
          </a:p>
        </p:txBody>
      </p:sp>
    </p:spTree>
    <p:extLst>
      <p:ext uri="{BB962C8B-B14F-4D97-AF65-F5344CB8AC3E}">
        <p14:creationId xmlns:p14="http://schemas.microsoft.com/office/powerpoint/2010/main" val="1756790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sources</a:t>
            </a:r>
            <a:endParaRPr lang="en-US" dirty="0"/>
          </a:p>
        </p:txBody>
      </p:sp>
      <p:sp>
        <p:nvSpPr>
          <p:cNvPr id="9" name="Rounded Rectangle 8"/>
          <p:cNvSpPr/>
          <p:nvPr/>
        </p:nvSpPr>
        <p:spPr>
          <a:xfrm>
            <a:off x="838200" y="1555845"/>
            <a:ext cx="6872785" cy="4094328"/>
          </a:xfrm>
          <a:prstGeom prst="round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7888406" y="1555845"/>
            <a:ext cx="3465394" cy="4094328"/>
          </a:xfrm>
          <a:prstGeom prst="roundRect">
            <a:avLst/>
          </a:prstGeom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1388433917"/>
              </p:ext>
            </p:extLst>
          </p:nvPr>
        </p:nvGraphicFramePr>
        <p:xfrm>
          <a:off x="1178312" y="1172072"/>
          <a:ext cx="9835376" cy="46089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35217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90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544060"/>
            <a:ext cx="73152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213860"/>
            <a:ext cx="6400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3883660"/>
            <a:ext cx="39319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0" y="3553460"/>
            <a:ext cx="15544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10987646" y="1759732"/>
            <a:ext cx="0" cy="82296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1222599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5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5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432797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6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4391475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6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9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6053567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0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1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2613245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21"/>
            </p:custDataLst>
          </p:nvPr>
        </p:nvCxnSpPr>
        <p:spPr>
          <a:xfrm>
            <a:off x="7807449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4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8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9" name="OTLSHAPE_TB_00000000000000000000000000000000_Separator11"/>
          <p:cNvCxnSpPr/>
          <p:nvPr>
            <p:custDataLst>
              <p:tags r:id="rId23"/>
            </p:custDataLst>
          </p:nvPr>
        </p:nvCxnSpPr>
        <p:spPr>
          <a:xfrm>
            <a:off x="9395769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9535639" y="262444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9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25"/>
            </p:custDataLst>
          </p:nvPr>
        </p:nvSpPr>
        <p:spPr>
          <a:xfrm>
            <a:off x="1429050" y="2054710"/>
            <a:ext cx="105130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smtClean="0">
                <a:solidFill>
                  <a:schemeClr val="dk1"/>
                </a:solidFill>
                <a:latin typeface="Calibri" panose="020F0502020204030204" pitchFamily="34" charset="0"/>
              </a:rPr>
              <a:t>Presentation </a:t>
            </a:r>
            <a:endParaRPr lang="en-US" sz="14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3" name="OTLSHAPE_M_6ae31c99f6864aae840de110566ea63d_Shape"/>
          <p:cNvSpPr/>
          <p:nvPr>
            <p:custDataLst>
              <p:tags r:id="rId26"/>
            </p:custDataLst>
          </p:nvPr>
        </p:nvSpPr>
        <p:spPr>
          <a:xfrm rot="16200000">
            <a:off x="1247999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cxnSp>
        <p:nvCxnSpPr>
          <p:cNvPr id="5683" name="OTLSHAPE_M_04072b436b4048c09d492665495c5db4_Connector1"/>
          <p:cNvCxnSpPr/>
          <p:nvPr>
            <p:custDataLst>
              <p:tags r:id="rId27"/>
            </p:custDataLst>
          </p:nvPr>
        </p:nvCxnSpPr>
        <p:spPr>
          <a:xfrm>
            <a:off x="5457792" y="1891711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7" name="OTLSHAPE_M_04072b436b4048c09d492665495c5db4_Title"/>
          <p:cNvSpPr txBox="1"/>
          <p:nvPr>
            <p:custDataLst>
              <p:tags r:id="rId28"/>
            </p:custDataLst>
          </p:nvPr>
        </p:nvSpPr>
        <p:spPr>
          <a:xfrm>
            <a:off x="5657843" y="1681306"/>
            <a:ext cx="105770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1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9" name="OTLSHAPE_M_04072b436b4048c09d492665495c5db4_Shape"/>
          <p:cNvSpPr/>
          <p:nvPr>
            <p:custDataLst>
              <p:tags r:id="rId29"/>
            </p:custDataLst>
          </p:nvPr>
        </p:nvSpPr>
        <p:spPr>
          <a:xfrm rot="16200000">
            <a:off x="5483192" y="1891711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30"/>
            </p:custDataLst>
          </p:nvPr>
        </p:nvSpPr>
        <p:spPr>
          <a:xfrm>
            <a:off x="11196418" y="1597038"/>
            <a:ext cx="137105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al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8" name="OTLSHAPE_M_c4141af3ac38465cb53fcc7f7a4aa9f5_Shape"/>
          <p:cNvSpPr/>
          <p:nvPr>
            <p:custDataLst>
              <p:tags r:id="rId31"/>
            </p:custDataLst>
          </p:nvPr>
        </p:nvSpPr>
        <p:spPr>
          <a:xfrm rot="16200000">
            <a:off x="11013046" y="1743830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9" name="OTLSHAPE_T_11a5fd20169a4e5aa0bed048dba08ff2_Shape"/>
          <p:cNvSpPr/>
          <p:nvPr>
            <p:custDataLst>
              <p:tags r:id="rId32"/>
            </p:custDataLst>
          </p:nvPr>
        </p:nvSpPr>
        <p:spPr>
          <a:xfrm>
            <a:off x="944920" y="3121660"/>
            <a:ext cx="2286000" cy="201168"/>
          </a:xfrm>
          <a:prstGeom prst="homePlate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4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5" name="OTLSHAPE_M_46fae9b11a344fd7915b631d9e74babb_Shape"/>
          <p:cNvSpPr/>
          <p:nvPr>
            <p:custDataLst>
              <p:tags r:id="rId36"/>
            </p:custDataLst>
          </p:nvPr>
        </p:nvSpPr>
        <p:spPr>
          <a:xfrm>
            <a:off x="8557244" y="24104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37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38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39"/>
            </p:custDataLst>
          </p:nvPr>
        </p:nvSpPr>
        <p:spPr>
          <a:xfrm>
            <a:off x="3342053" y="3130927"/>
            <a:ext cx="359378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Studying data characteristics and html structure</a:t>
            </a:r>
            <a:endParaRPr lang="en-US" sz="12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0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41"/>
            </p:custDataLst>
          </p:nvPr>
        </p:nvSpPr>
        <p:spPr>
          <a:xfrm>
            <a:off x="2050466" y="3451860"/>
            <a:ext cx="2286000" cy="203200"/>
          </a:xfrm>
          <a:prstGeom prst="homePlate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3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5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6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47"/>
            </p:custDataLst>
          </p:nvPr>
        </p:nvSpPr>
        <p:spPr>
          <a:xfrm>
            <a:off x="4420815" y="3449977"/>
            <a:ext cx="290553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ign logistics 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nd algorithm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8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49"/>
            </p:custDataLst>
          </p:nvPr>
        </p:nvSpPr>
        <p:spPr>
          <a:xfrm>
            <a:off x="4375180" y="3782060"/>
            <a:ext cx="173736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50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1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3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4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5"/>
            </p:custDataLst>
          </p:nvPr>
        </p:nvSpPr>
        <p:spPr>
          <a:xfrm>
            <a:off x="6141486" y="3780177"/>
            <a:ext cx="366419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Gather sample dataset and test feasibility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6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57"/>
            </p:custDataLst>
          </p:nvPr>
        </p:nvSpPr>
        <p:spPr>
          <a:xfrm>
            <a:off x="4385267" y="4112260"/>
            <a:ext cx="347472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8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9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61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62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3"/>
            </p:custDataLst>
          </p:nvPr>
        </p:nvSpPr>
        <p:spPr>
          <a:xfrm>
            <a:off x="7961976" y="4110377"/>
            <a:ext cx="183356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nterface design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4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65"/>
            </p:custDataLst>
          </p:nvPr>
        </p:nvSpPr>
        <p:spPr>
          <a:xfrm>
            <a:off x="5129453" y="4442460"/>
            <a:ext cx="2743200" cy="203200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66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9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70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71"/>
            </p:custDataLst>
          </p:nvPr>
        </p:nvSpPr>
        <p:spPr>
          <a:xfrm>
            <a:off x="7984279" y="4418275"/>
            <a:ext cx="369297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Crawler and gather actual dataset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7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73"/>
            </p:custDataLst>
          </p:nvPr>
        </p:nvSpPr>
        <p:spPr>
          <a:xfrm>
            <a:off x="7894396" y="4772660"/>
            <a:ext cx="22860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74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5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7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8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9"/>
            </p:custDataLst>
          </p:nvPr>
        </p:nvSpPr>
        <p:spPr>
          <a:xfrm>
            <a:off x="10221349" y="4689595"/>
            <a:ext cx="223647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 cleaning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, linkage</a:t>
            </a:r>
          </a:p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nd matching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0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04072b436b4048c09d492665495c5db4_Shape"/>
          <p:cNvSpPr/>
          <p:nvPr>
            <p:custDataLst>
              <p:tags r:id="rId81"/>
            </p:custDataLst>
          </p:nvPr>
        </p:nvSpPr>
        <p:spPr>
          <a:xfrm rot="16200000">
            <a:off x="8681042" y="1824652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14" name="OTLSHAPE_M_04072b436b4048c09d492665495c5db4_Title"/>
          <p:cNvSpPr txBox="1"/>
          <p:nvPr>
            <p:custDataLst>
              <p:tags r:id="rId82"/>
            </p:custDataLst>
          </p:nvPr>
        </p:nvSpPr>
        <p:spPr>
          <a:xfrm>
            <a:off x="8871595" y="1685806"/>
            <a:ext cx="92200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2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29156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Time Schedule</a:t>
            </a:r>
            <a:endParaRPr lang="en-US" dirty="0"/>
          </a:p>
        </p:txBody>
      </p:sp>
      <p:sp>
        <p:nvSpPr>
          <p:cNvPr id="110" name="OTLSHAPE_M_46fae9b11a344fd7915b631d9e74babb_Shape"/>
          <p:cNvSpPr/>
          <p:nvPr>
            <p:custDataLst>
              <p:tags r:id="rId83"/>
            </p:custDataLst>
          </p:nvPr>
        </p:nvSpPr>
        <p:spPr>
          <a:xfrm>
            <a:off x="5348985" y="238145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3" name="OTLSHAPE_M_04072b436b4048c09d492665495c5db4_Connector1"/>
          <p:cNvCxnSpPr/>
          <p:nvPr>
            <p:custDataLst>
              <p:tags r:id="rId84"/>
            </p:custDataLst>
          </p:nvPr>
        </p:nvCxnSpPr>
        <p:spPr>
          <a:xfrm>
            <a:off x="8655642" y="1824652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fe82a054eb724851a93f6a606432bfac_HorizontalConnector1"/>
          <p:cNvCxnSpPr/>
          <p:nvPr>
            <p:custDataLst>
              <p:tags r:id="rId85"/>
            </p:custDataLst>
          </p:nvPr>
        </p:nvCxnSpPr>
        <p:spPr>
          <a:xfrm>
            <a:off x="632121" y="5205076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_fe82a054eb724851a93f6a606432bfac_Shape"/>
          <p:cNvSpPr/>
          <p:nvPr>
            <p:custDataLst>
              <p:tags r:id="rId86"/>
            </p:custDataLst>
          </p:nvPr>
        </p:nvSpPr>
        <p:spPr>
          <a:xfrm>
            <a:off x="9462996" y="5103476"/>
            <a:ext cx="1645920" cy="203200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4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1150663" y="5042713"/>
            <a:ext cx="1241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ing and Development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9500" y="5091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7617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9800" y="2282825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sz="6000" dirty="0" smtClean="0"/>
              <a:t>Thank you!</a:t>
            </a:r>
            <a:endParaRPr lang="en-US" sz="6000" dirty="0"/>
          </a:p>
        </p:txBody>
      </p:sp>
    </p:spTree>
    <p:extLst>
      <p:ext uri="{BB962C8B-B14F-4D97-AF65-F5344CB8AC3E}">
        <p14:creationId xmlns:p14="http://schemas.microsoft.com/office/powerpoint/2010/main" val="212823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otiv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myUChicago.edu</a:t>
            </a:r>
            <a:r>
              <a:rPr lang="en-US" dirty="0" smtClean="0"/>
              <a:t> course registration system</a:t>
            </a:r>
          </a:p>
          <a:p>
            <a:endParaRPr lang="en-US" dirty="0" smtClean="0"/>
          </a:p>
          <a:p>
            <a:endParaRPr lang="en-US" altLang="zh-CN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127513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ileston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</a:t>
            </a:r>
            <a:r>
              <a:rPr lang="en-US" altLang="zh-CN" dirty="0"/>
              <a:t>Schedule builder </a:t>
            </a:r>
          </a:p>
          <a:p>
            <a:endParaRPr lang="en-US" altLang="zh-CN" dirty="0"/>
          </a:p>
          <a:p>
            <a:r>
              <a:rPr lang="en-US" altLang="zh-CN" dirty="0" smtClean="0"/>
              <a:t>2. </a:t>
            </a:r>
            <a:r>
              <a:rPr lang="en-US" altLang="zh-CN" dirty="0"/>
              <a:t>Waitlist Reminder</a:t>
            </a:r>
          </a:p>
          <a:p>
            <a:endParaRPr lang="en-US" altLang="zh-CN" dirty="0"/>
          </a:p>
          <a:p>
            <a:r>
              <a:rPr lang="en-US" altLang="zh-CN" dirty="0" smtClean="0"/>
              <a:t>3. Course Evaluation and Instructor Evaluation</a:t>
            </a:r>
          </a:p>
          <a:p>
            <a:endParaRPr lang="en-US" altLang="zh-CN" dirty="0"/>
          </a:p>
          <a:p>
            <a:r>
              <a:rPr lang="en-US" altLang="zh-CN" dirty="0" smtClean="0"/>
              <a:t>=&gt; Integrate </a:t>
            </a:r>
            <a:r>
              <a:rPr lang="en-US" altLang="zh-CN" dirty="0" smtClean="0"/>
              <a:t>those features with an interface</a:t>
            </a:r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0437313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ilestone 1. </a:t>
            </a:r>
            <a:r>
              <a:rPr lang="mr-IN" dirty="0" smtClean="0"/>
              <a:t>–</a:t>
            </a:r>
            <a:r>
              <a:rPr lang="en-US" dirty="0" smtClean="0"/>
              <a:t> Schedule Builder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Visualization of selected courses using </a:t>
            </a:r>
            <a:r>
              <a:rPr lang="en-US" u="sng" dirty="0" smtClean="0"/>
              <a:t>schedule builder feature </a:t>
            </a:r>
          </a:p>
          <a:p>
            <a:endParaRPr lang="en-US" u="sng" dirty="0"/>
          </a:p>
          <a:p>
            <a:r>
              <a:rPr lang="en-US" dirty="0" smtClean="0"/>
              <a:t>2. Customization of preferred lecture time, lab/TA sections</a:t>
            </a:r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Send emails to CNET ID notifying that a previously fully-loaded course now has empty seats</a:t>
            </a:r>
            <a:endParaRPr lang="en-US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838200" y="3808412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Project Milestone 2. </a:t>
            </a:r>
            <a:r>
              <a:rPr lang="mr-IN" dirty="0" smtClean="0"/>
              <a:t>–</a:t>
            </a:r>
            <a:r>
              <a:rPr lang="en-US" dirty="0" smtClean="0"/>
              <a:t> Wish list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85655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750" y="365125"/>
            <a:ext cx="7353300" cy="13843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43150" y="2222500"/>
            <a:ext cx="7327900" cy="344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5379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6536027" cy="68580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3463" y="1"/>
            <a:ext cx="65256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49491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ilestone 3. </a:t>
            </a:r>
            <a:r>
              <a:rPr lang="mr-IN" dirty="0" smtClean="0"/>
              <a:t>–</a:t>
            </a:r>
            <a:r>
              <a:rPr lang="en-US" dirty="0" smtClean="0"/>
              <a:t> Evalu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Goals:</a:t>
            </a:r>
          </a:p>
          <a:p>
            <a:pPr lvl="1"/>
            <a:r>
              <a:rPr lang="en-US" dirty="0" smtClean="0"/>
              <a:t>1. Course and professor ratings</a:t>
            </a:r>
          </a:p>
          <a:p>
            <a:pPr lvl="1"/>
            <a:r>
              <a:rPr lang="en-US" dirty="0" smtClean="0"/>
              <a:t>2. rank and compare professors </a:t>
            </a:r>
          </a:p>
          <a:p>
            <a:pPr lvl="1"/>
            <a:endParaRPr lang="en-US" dirty="0"/>
          </a:p>
          <a:p>
            <a:r>
              <a:rPr lang="en-US" dirty="0" smtClean="0"/>
              <a:t>Tasks:</a:t>
            </a:r>
          </a:p>
          <a:p>
            <a:pPr lvl="1"/>
            <a:r>
              <a:rPr lang="en-US" dirty="0" smtClean="0"/>
              <a:t>1. Web Scraping</a:t>
            </a:r>
          </a:p>
          <a:p>
            <a:pPr lvl="1"/>
            <a:r>
              <a:rPr lang="en-US" dirty="0" smtClean="0"/>
              <a:t>2. Data storage</a:t>
            </a:r>
          </a:p>
          <a:p>
            <a:pPr lvl="1"/>
            <a:r>
              <a:rPr lang="en-US" dirty="0" smtClean="0"/>
              <a:t>3. Data cleaning</a:t>
            </a:r>
          </a:p>
          <a:p>
            <a:pPr lvl="1"/>
            <a:r>
              <a:rPr lang="en-US" dirty="0" smtClean="0"/>
              <a:t>4. Metric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8885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51769"/>
            <a:ext cx="8284669" cy="6215694"/>
          </a:xfrm>
        </p:spPr>
      </p:pic>
    </p:spTree>
    <p:extLst>
      <p:ext uri="{BB962C8B-B14F-4D97-AF65-F5344CB8AC3E}">
        <p14:creationId xmlns:p14="http://schemas.microsoft.com/office/powerpoint/2010/main" val="4881024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845819"/>
            <a:ext cx="10515600" cy="4310950"/>
          </a:xfrm>
        </p:spPr>
      </p:pic>
    </p:spTree>
    <p:extLst>
      <p:ext uri="{BB962C8B-B14F-4D97-AF65-F5344CB8AC3E}">
        <p14:creationId xmlns:p14="http://schemas.microsoft.com/office/powerpoint/2010/main" val="1501439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MsIkFic29sdXRlUG9zaXRpb24iOjE5OS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EwLCJGb250TmFtZSI6IkNhbGlicmkiLCJJc0JvbGQiOmZhbHNlLCJJc0l0YWxpYyI6ZmFsc2UsIklzVW5kZXJsaW5lZCI6ZmFsc2UsIlBhcmVudFN0eWxlIjp7IiRyZWYiOiI4OSJ9fSwiQXV0b1NpemUiOjAsIkZvcmVncm91bmQiOnsiJGlkIjoiMjI0IiwiQ29sb3IiOnsiJGlkIjoiMjI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7IiRyZWYiOiIxMDEifX0sIlRpdGxlU3R5bGUiOnsiJGlkIjoiMjM1IiwiRm9udFNldHRpbmdzIjp7IiRpZCI6IjIz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3IiwiTGluZUNvbG9yIjpudWxsLCJMaW5lV2VpZ2h0IjowLjAsIkxpbmVUeXBlIjowLCJQYXJlbnRTdHlsZSI6bnVsbH0sIlBhcmVudFN0eWxlIjp7IiRyZWYiOiIxMDcifX0sIkRhdGVTdHlsZSI6eyIkaWQiOiIyMzgiLCJGb250U2V0dGluZ3MiOnsiJGlkIjoiMjM5IiwiRm9udFNpemUiOjEwLCJGb250TmFtZSI6IkNhbGlicmkiLCJJc0JvbGQiOmZhbHNlLCJJc0l0YWxpYyI6ZmFsc2UsIklzVW5kZXJsaW5lZCI6ZmFsc2UsIlBhcmVudFN0eWxlIjp7IiRyZWYiOiIxMTUifX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GlkIjoiMjUxIiwiQ29sb3IiOnsiJGlkIjoiMjUy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zIiwiTGluZUNvbG9yIjpudWxsLCJMaW5lV2VpZ2h0IjowLjAsIkxpbmVUeXBlIjowLCJQYXJlbnRTdHlsZSI6bnVsbH0sIlBhcmVudFN0eWxlIjp7IiRyZWYiOiI4OCJ9fSwiSG9yaXpvbnRhbENvbm5lY3RvclN0eWxlIjp7IiRpZCI6IjI1NCIsIkxpbmVDb2xvciI6eyIkcmVmIjoiOTYifSwiTGluZVdlaWdodCI6MS4wLCJMaW5lVHlwZSI6MCwiUGFyZW50U3R5bGUiOnsiJHJlZiI6Ijk1In19LCJWZXJ0aWNhbENvbm5lY3RvclN0eWxlIjp7IiRpZCI6IjI1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NTYiLCJNYXJnaW4iOnsiJHJlZiI6IjEwMiJ9LCJQYWRkaW5nIjp7IiRyZWYiOiIxMDMifSwiQmFja2dyb3VuZCI6eyIkaWQiOiIyNTciLCJDb2xvciI6eyIkaWQiOiIyNTgiLCJBIjoyNTUsIlIiOjc1LCJHIjoxNzIsIkIiOjE5OH19LCJJc1Zpc2libGUiOnRydWUsIldpZHRoIjowLjAsIkhlaWdodCI6MTY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GlkIjoiMzA1IiwiQ29sb3IiOnsiJGlkIjoiMzA2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MTAiLCJNYXJnaW4iOnsiJHJlZiI6IjEwMiJ9LCJQYWRkaW5nIjp7IiRyZWYiOiIxMDMifSwiQmFja2dyb3VuZCI6eyIkaWQiOiIzMTEiLCJDb2xvciI6eyIkaWQiOiIzMTIiLCJBIjoyNTUsIlIiOjAsIkciOjExNCwiQiI6MTg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MSJ9fSwiVGl0bGVTdHlsZSI6eyIkaWQiOiIzMTYiLCJGb250U2V0dGluZ3MiOnsiJGlkIjoiMzE3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2FsaWJyaSIsIklzQm9sZCI6ZmFsc2UsIklzSXRhbGljIjpmYWxzZSwiSXNVbmRlcmxpbmVkIjpmYWxzZSwiUGFyZW50U3R5bGUiOnsiJHJlZiI6IjExNS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aWQiOiIzMzIiLCJDb2xvciI6eyIkaWQiOiIzMz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zNyIsIk1hcmdpbiI6eyIkcmVmIjoiMTAyIn0sIlBhZGRpbmciOnsiJHJlZiI6IjEwMyJ9LCJCYWNrZ3JvdW5kIjp7IiRpZCI6IjMzOCIsIkNvbG9yIjp7IiRpZCI6IjMzOSIsIkEiOjI1NSwiUiI6MCwiRyI6MTE0LCJCIjoxODh9fSwiSXNWaXNpYmxlIjp0cnVlLCJXaWR0aCI6MC4wLCJIZWlnaHQiOjE2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eyIkcmVmIjoiMTAxIn19LCJUaXRsZVN0eWxlIjp7IiRpZCI6IjM0MyIsIkZvbnRTZXR0aW5ncyI6eyIkaWQiOiIzNDQ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63</Words>
  <Application>Microsoft Macintosh PowerPoint</Application>
  <PresentationFormat>Widescreen</PresentationFormat>
  <Paragraphs>89</Paragraphs>
  <Slides>1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Calibri</vt:lpstr>
      <vt:lpstr>Calibri Light</vt:lpstr>
      <vt:lpstr>Mangal</vt:lpstr>
      <vt:lpstr>宋体</vt:lpstr>
      <vt:lpstr>Arial</vt:lpstr>
      <vt:lpstr>Office Theme</vt:lpstr>
      <vt:lpstr>Project ALDA</vt:lpstr>
      <vt:lpstr>Project Motivation</vt:lpstr>
      <vt:lpstr>Project Milestones</vt:lpstr>
      <vt:lpstr>Project Milestone 1. – Schedule Builder </vt:lpstr>
      <vt:lpstr>PowerPoint Presentation</vt:lpstr>
      <vt:lpstr>PowerPoint Presentation</vt:lpstr>
      <vt:lpstr>Project Milestone 3. – Evaluation</vt:lpstr>
      <vt:lpstr>PowerPoint Presentation</vt:lpstr>
      <vt:lpstr>PowerPoint Presentation</vt:lpstr>
      <vt:lpstr>PowerPoint Presentation</vt:lpstr>
      <vt:lpstr>Data sources</vt:lpstr>
      <vt:lpstr>Time Schedule</vt:lpstr>
      <vt:lpstr>Thank you!</vt:lpstr>
    </vt:vector>
  </TitlesOfParts>
  <Company/>
  <LinksUpToDate>false</LinksUpToDate>
  <SharedDoc>false</SharedDoc>
  <HyperlinksChanged>false</HyperlinksChanged>
  <AppVersion>15.003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7-01-27T09:13:17Z</dcterms:modified>
</cp:coreProperties>
</file>